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elysta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10BBC4EA-0693-5770-8EF7-292B5415B6F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6972" y="5013325"/>
            <a:ext cx="1860408" cy="165576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DFA6B16A-E017-44AD-3921-D88B512EE42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37222" y="4210050"/>
            <a:ext cx="1343634" cy="119583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2-03T13:04:56Z</dcterms:modified>
</cp:coreProperties>
</file>